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VMV3FS1.joho.local\プロファイル$\i0003468\デスクトップ\"/>
    </mc:Choice>
  </mc:AlternateContent>
  <xr:revisionPtr revIDLastSave="0" documentId="13_ncr:1_{3E60AF04-A17E-42D8-AC70-83D4FC128908}" xr6:coauthVersionLast="47" xr6:coauthVersionMax="47" xr10:uidLastSave="{00000000-0000-0000-0000-000000000000}"/>
  <bookViews>
    <workbookView xWindow="-108" yWindow="-108" windowWidth="23256" windowHeight="12456" xr2:uid="{A0A15F97-C6DB-412D-998A-F8F04FE66096}"/>
  </bookViews>
  <sheets>
    <sheet name="業務別費用内訳書" sheetId="1" r:id="rId1"/>
  </sheets>
  <definedNames>
    <definedName name="_xlnm.Print_Area" localSheetId="0">業務別費用内訳書!$A$1:$O$4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2"/>
    </ext>
  </extLst>
</workbook>
</file>

<file path=xl/sharedStrings.xml><?xml version="1.0" encoding="utf-8"?>
<sst xmlns="http://schemas.openxmlformats.org/spreadsheetml/2006/main" count="71" uniqueCount="53">
  <si>
    <t>業務別費用内訳書</t>
    <rPh sb="0" eb="3">
      <t>ギョウムベツ</t>
    </rPh>
    <rPh sb="3" eb="5">
      <t>ヒヨウ</t>
    </rPh>
    <rPh sb="5" eb="8">
      <t>ウチワケショ</t>
    </rPh>
    <phoneticPr fontId="1"/>
  </si>
  <si>
    <t>1 事業全体管理業務費</t>
    <rPh sb="2" eb="4">
      <t>ジギョウ</t>
    </rPh>
    <rPh sb="4" eb="6">
      <t>ゼンタイ</t>
    </rPh>
    <rPh sb="6" eb="8">
      <t>カンリ</t>
    </rPh>
    <rPh sb="8" eb="10">
      <t>ギョウム</t>
    </rPh>
    <rPh sb="10" eb="11">
      <t>ヒ</t>
    </rPh>
    <phoneticPr fontId="1"/>
  </si>
  <si>
    <t>人件費</t>
    <rPh sb="0" eb="3">
      <t>ジンケンヒ</t>
    </rPh>
    <phoneticPr fontId="1"/>
  </si>
  <si>
    <t>諸経費</t>
    <rPh sb="0" eb="3">
      <t>ショケイヒ</t>
    </rPh>
    <phoneticPr fontId="1"/>
  </si>
  <si>
    <t>その他</t>
    <rPh sb="2" eb="3">
      <t>タ</t>
    </rPh>
    <phoneticPr fontId="1"/>
  </si>
  <si>
    <t>小計(1)</t>
    <rPh sb="0" eb="2">
      <t>ショウケイ</t>
    </rPh>
    <phoneticPr fontId="1"/>
  </si>
  <si>
    <t>2 事業開始準備業務費</t>
    <rPh sb="2" eb="4">
      <t>ジギョウ</t>
    </rPh>
    <rPh sb="4" eb="6">
      <t>カイシ</t>
    </rPh>
    <rPh sb="6" eb="8">
      <t>ジュンビ</t>
    </rPh>
    <rPh sb="8" eb="11">
      <t>ギョウムヒ</t>
    </rPh>
    <phoneticPr fontId="1"/>
  </si>
  <si>
    <t>小計(2)</t>
    <rPh sb="0" eb="2">
      <t>ショウケイ</t>
    </rPh>
    <phoneticPr fontId="1"/>
  </si>
  <si>
    <t>3 設備更新業務費</t>
    <rPh sb="2" eb="4">
      <t>セツビ</t>
    </rPh>
    <rPh sb="4" eb="6">
      <t>コウシン</t>
    </rPh>
    <rPh sb="6" eb="9">
      <t>ギョウムヒ</t>
    </rPh>
    <phoneticPr fontId="1"/>
  </si>
  <si>
    <t>小計(3)</t>
    <rPh sb="0" eb="2">
      <t>ショウケイ</t>
    </rPh>
    <phoneticPr fontId="1"/>
  </si>
  <si>
    <t>4 設備維持管理業務費</t>
    <rPh sb="2" eb="4">
      <t>セツビ</t>
    </rPh>
    <rPh sb="4" eb="8">
      <t>イジカンリ</t>
    </rPh>
    <rPh sb="8" eb="11">
      <t>ギョウムヒ</t>
    </rPh>
    <phoneticPr fontId="1"/>
  </si>
  <si>
    <t>小計(4)</t>
    <rPh sb="0" eb="2">
      <t>ショウケイ</t>
    </rPh>
    <phoneticPr fontId="1"/>
  </si>
  <si>
    <t xml:space="preserve">5 設備年次点検業務費 </t>
    <rPh sb="2" eb="4">
      <t>セツビ</t>
    </rPh>
    <rPh sb="4" eb="6">
      <t>ネンジ</t>
    </rPh>
    <rPh sb="6" eb="8">
      <t>テンケン</t>
    </rPh>
    <rPh sb="8" eb="11">
      <t>ギョウムヒ</t>
    </rPh>
    <phoneticPr fontId="1"/>
  </si>
  <si>
    <t>小計(5)</t>
    <rPh sb="0" eb="2">
      <t>ショウケイ</t>
    </rPh>
    <phoneticPr fontId="1"/>
  </si>
  <si>
    <t>6 警備業務費</t>
    <rPh sb="2" eb="7">
      <t>ケイビギョウムヒ</t>
    </rPh>
    <phoneticPr fontId="1"/>
  </si>
  <si>
    <t>小計(6)</t>
    <rPh sb="0" eb="2">
      <t>ショウケイ</t>
    </rPh>
    <phoneticPr fontId="1"/>
  </si>
  <si>
    <t xml:space="preserve">7 次期事業者引継業務費 </t>
    <rPh sb="2" eb="7">
      <t>ジキジギョウシャ</t>
    </rPh>
    <rPh sb="7" eb="9">
      <t>ヒキツ</t>
    </rPh>
    <rPh sb="9" eb="12">
      <t>ギョウムヒ</t>
    </rPh>
    <phoneticPr fontId="1"/>
  </si>
  <si>
    <t>小計(7)</t>
    <rPh sb="0" eb="2">
      <t>ショウケイ</t>
    </rPh>
    <phoneticPr fontId="1"/>
  </si>
  <si>
    <t>合計（税抜）</t>
    <rPh sb="0" eb="2">
      <t>ゴウケイ</t>
    </rPh>
    <rPh sb="3" eb="5">
      <t>ゼイヌ</t>
    </rPh>
    <phoneticPr fontId="1"/>
  </si>
  <si>
    <t>消費税及び地方消費税</t>
    <rPh sb="0" eb="3">
      <t>ショウヒゼイ</t>
    </rPh>
    <rPh sb="3" eb="4">
      <t>オヨ</t>
    </rPh>
    <rPh sb="5" eb="7">
      <t>チホウ</t>
    </rPh>
    <rPh sb="7" eb="10">
      <t>ショウヒゼイ</t>
    </rPh>
    <phoneticPr fontId="1"/>
  </si>
  <si>
    <t>合計（税込）</t>
    <rPh sb="0" eb="2">
      <t>ゴウケイ</t>
    </rPh>
    <rPh sb="3" eb="5">
      <t>ゼイコ</t>
    </rPh>
    <phoneticPr fontId="1"/>
  </si>
  <si>
    <t>項目</t>
    <phoneticPr fontId="1"/>
  </si>
  <si>
    <t>合計額</t>
    <rPh sb="0" eb="3">
      <t>ゴウケイガク</t>
    </rPh>
    <phoneticPr fontId="1"/>
  </si>
  <si>
    <t>R8(2026)年度</t>
    <rPh sb="8" eb="10">
      <t>ネンド</t>
    </rPh>
    <phoneticPr fontId="1"/>
  </si>
  <si>
    <t>設備更新(1)</t>
    <rPh sb="0" eb="2">
      <t>セツビ</t>
    </rPh>
    <rPh sb="2" eb="4">
      <t>コウシン</t>
    </rPh>
    <phoneticPr fontId="1"/>
  </si>
  <si>
    <t>設備更新(2)</t>
    <rPh sb="0" eb="2">
      <t>セツビ</t>
    </rPh>
    <rPh sb="2" eb="4">
      <t>コウシン</t>
    </rPh>
    <phoneticPr fontId="1"/>
  </si>
  <si>
    <t>R9(2027)年度</t>
    <rPh sb="8" eb="10">
      <t>ネンド</t>
    </rPh>
    <phoneticPr fontId="1"/>
  </si>
  <si>
    <t>R10(2028)年度</t>
    <rPh sb="9" eb="11">
      <t>ネンド</t>
    </rPh>
    <phoneticPr fontId="1"/>
  </si>
  <si>
    <t>R11(2029)年度</t>
    <rPh sb="9" eb="11">
      <t>ネンド</t>
    </rPh>
    <phoneticPr fontId="1"/>
  </si>
  <si>
    <t>R12(2030)年度</t>
    <rPh sb="9" eb="11">
      <t>ネンド</t>
    </rPh>
    <phoneticPr fontId="1"/>
  </si>
  <si>
    <t>R13(2031)年度</t>
    <rPh sb="9" eb="11">
      <t>ネンド</t>
    </rPh>
    <phoneticPr fontId="1"/>
  </si>
  <si>
    <t>R14(2032)年度</t>
    <rPh sb="9" eb="11">
      <t>ネンド</t>
    </rPh>
    <phoneticPr fontId="1"/>
  </si>
  <si>
    <t>R15(2033)年度</t>
    <rPh sb="9" eb="11">
      <t>ネンド</t>
    </rPh>
    <phoneticPr fontId="1"/>
  </si>
  <si>
    <t>R16(2034)年度</t>
    <rPh sb="9" eb="11">
      <t>ネンド</t>
    </rPh>
    <phoneticPr fontId="1"/>
  </si>
  <si>
    <t>R17(2035)年度</t>
    <rPh sb="9" eb="11">
      <t>ネンド</t>
    </rPh>
    <phoneticPr fontId="1"/>
  </si>
  <si>
    <t>R18(2036)年度</t>
    <rPh sb="9" eb="11">
      <t>ネンド</t>
    </rPh>
    <phoneticPr fontId="1"/>
  </si>
  <si>
    <t>R19(2037)年度</t>
    <rPh sb="9" eb="11">
      <t>ネンド</t>
    </rPh>
    <phoneticPr fontId="1"/>
  </si>
  <si>
    <t>1年目</t>
    <rPh sb="1" eb="3">
      <t>ネンメ</t>
    </rPh>
    <phoneticPr fontId="1"/>
  </si>
  <si>
    <t>2年目</t>
    <rPh sb="1" eb="3">
      <t>ネンメ</t>
    </rPh>
    <phoneticPr fontId="1"/>
  </si>
  <si>
    <t>3年目</t>
    <rPh sb="1" eb="3">
      <t>ネンメ</t>
    </rPh>
    <phoneticPr fontId="1"/>
  </si>
  <si>
    <t>4年目</t>
    <rPh sb="1" eb="3">
      <t>ネンメ</t>
    </rPh>
    <phoneticPr fontId="1"/>
  </si>
  <si>
    <t>5年目</t>
    <rPh sb="1" eb="3">
      <t>ネンメ</t>
    </rPh>
    <phoneticPr fontId="1"/>
  </si>
  <si>
    <t>6年目</t>
    <rPh sb="1" eb="3">
      <t>ネンメ</t>
    </rPh>
    <phoneticPr fontId="1"/>
  </si>
  <si>
    <t>7年目</t>
    <rPh sb="1" eb="3">
      <t>ネンメ</t>
    </rPh>
    <phoneticPr fontId="1"/>
  </si>
  <si>
    <t>8年目</t>
    <rPh sb="1" eb="3">
      <t>ネンメ</t>
    </rPh>
    <phoneticPr fontId="1"/>
  </si>
  <si>
    <t>9年目</t>
    <rPh sb="1" eb="3">
      <t>ネンメ</t>
    </rPh>
    <phoneticPr fontId="1"/>
  </si>
  <si>
    <t>10年目</t>
    <rPh sb="2" eb="4">
      <t>ネンメ</t>
    </rPh>
    <phoneticPr fontId="1"/>
  </si>
  <si>
    <t>1　金額単位：円</t>
  </si>
  <si>
    <t>2　作成にあたっては、様式16と整合させること。</t>
  </si>
  <si>
    <t>3　物価変動は考慮せず記載すること。</t>
  </si>
  <si>
    <t>4　添付のMicrosoft Excel様式によりA3判(必要枚数)で作成し、A4に折り込むこと。</t>
  </si>
  <si>
    <t>5　提案内容に応じ、適宜、項目を追加して記載すること。</t>
  </si>
  <si>
    <t>【様式17】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6"/>
      <color theme="1"/>
      <name val="游ゴシック"/>
      <family val="3"/>
      <charset val="128"/>
      <scheme val="minor"/>
    </font>
    <font>
      <b/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3" tint="0.89999084444715716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3" xfId="0" applyBorder="1">
      <alignment vertical="center"/>
    </xf>
    <xf numFmtId="0" fontId="0" fillId="0" borderId="2" xfId="0" applyBorder="1">
      <alignment vertical="center"/>
    </xf>
    <xf numFmtId="0" fontId="0" fillId="0" borderId="4" xfId="0" applyBorder="1">
      <alignment vertical="center"/>
    </xf>
    <xf numFmtId="0" fontId="0" fillId="0" borderId="3" xfId="0" applyBorder="1" applyAlignment="1">
      <alignment horizontal="center" vertical="center"/>
    </xf>
    <xf numFmtId="0" fontId="0" fillId="0" borderId="6" xfId="0" applyBorder="1">
      <alignment vertical="center"/>
    </xf>
    <xf numFmtId="0" fontId="0" fillId="0" borderId="0" xfId="0" applyBorder="1">
      <alignment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1" xfId="0" applyBorder="1">
      <alignment vertical="center"/>
    </xf>
    <xf numFmtId="0" fontId="0" fillId="0" borderId="12" xfId="0" applyBorder="1">
      <alignment vertical="center"/>
    </xf>
    <xf numFmtId="0" fontId="0" fillId="0" borderId="14" xfId="0" applyBorder="1">
      <alignment vertical="center"/>
    </xf>
    <xf numFmtId="0" fontId="0" fillId="0" borderId="17" xfId="0" applyBorder="1">
      <alignment vertical="center"/>
    </xf>
    <xf numFmtId="0" fontId="0" fillId="0" borderId="18" xfId="0" applyBorder="1">
      <alignment vertical="center"/>
    </xf>
    <xf numFmtId="0" fontId="0" fillId="0" borderId="19" xfId="0" applyBorder="1">
      <alignment vertical="center"/>
    </xf>
    <xf numFmtId="0" fontId="0" fillId="0" borderId="14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2" borderId="14" xfId="0" applyFill="1" applyBorder="1">
      <alignment vertical="center"/>
    </xf>
    <xf numFmtId="0" fontId="0" fillId="2" borderId="1" xfId="0" applyFill="1" applyBorder="1">
      <alignment vertical="center"/>
    </xf>
    <xf numFmtId="0" fontId="0" fillId="2" borderId="15" xfId="0" applyFill="1" applyBorder="1">
      <alignment vertical="center"/>
    </xf>
    <xf numFmtId="0" fontId="0" fillId="0" borderId="8" xfId="0" applyBorder="1" applyAlignment="1">
      <alignment horizontal="center" vertical="center"/>
    </xf>
    <xf numFmtId="0" fontId="0" fillId="0" borderId="14" xfId="0" applyBorder="1" applyAlignment="1">
      <alignment horizontal="left" vertical="center"/>
    </xf>
    <xf numFmtId="0" fontId="0" fillId="0" borderId="16" xfId="0" applyBorder="1" applyAlignment="1">
      <alignment horizontal="left" vertical="center"/>
    </xf>
    <xf numFmtId="0" fontId="0" fillId="0" borderId="0" xfId="0" applyAlignment="1">
      <alignment horizontal="right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2" fillId="0" borderId="13" xfId="0" applyFont="1" applyBorder="1" applyAlignment="1">
      <alignment horizontal="left" vertical="center"/>
    </xf>
    <xf numFmtId="0" fontId="3" fillId="0" borderId="9" xfId="0" applyFont="1" applyBorder="1" applyAlignment="1">
      <alignment horizontal="left" vertical="center"/>
    </xf>
    <xf numFmtId="0" fontId="3" fillId="0" borderId="10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FDD659-5AC5-4808-9A2A-DB84B471AEE4}">
  <dimension ref="A1:O46"/>
  <sheetViews>
    <sheetView tabSelected="1" view="pageBreakPreview" zoomScale="60" zoomScaleNormal="70" workbookViewId="0">
      <selection activeCell="P26" sqref="P26"/>
    </sheetView>
  </sheetViews>
  <sheetFormatPr defaultRowHeight="18" x14ac:dyDescent="0.45"/>
  <cols>
    <col min="1" max="1" width="2.8984375" customWidth="1"/>
    <col min="2" max="2" width="20.19921875" customWidth="1"/>
    <col min="3" max="3" width="10.296875" customWidth="1"/>
    <col min="4" max="15" width="14.296875" customWidth="1"/>
  </cols>
  <sheetData>
    <row r="1" spans="1:15" ht="26.4" x14ac:dyDescent="0.45">
      <c r="A1" s="33" t="s">
        <v>0</v>
      </c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25" t="s">
        <v>52</v>
      </c>
    </row>
    <row r="2" spans="1:15" x14ac:dyDescent="0.45">
      <c r="A2" s="1" t="s">
        <v>21</v>
      </c>
      <c r="B2" s="1"/>
      <c r="C2" s="17" t="s">
        <v>22</v>
      </c>
      <c r="D2" s="26" t="s">
        <v>23</v>
      </c>
      <c r="E2" s="27" t="s">
        <v>26</v>
      </c>
      <c r="F2" s="28" t="s">
        <v>27</v>
      </c>
      <c r="G2" s="26" t="s">
        <v>28</v>
      </c>
      <c r="H2" s="22" t="s">
        <v>29</v>
      </c>
      <c r="I2" s="26" t="s">
        <v>30</v>
      </c>
      <c r="J2" s="22" t="s">
        <v>31</v>
      </c>
      <c r="K2" s="26" t="s">
        <v>32</v>
      </c>
      <c r="L2" s="22" t="s">
        <v>33</v>
      </c>
      <c r="M2" s="27" t="s">
        <v>34</v>
      </c>
      <c r="N2" s="22" t="s">
        <v>35</v>
      </c>
      <c r="O2" s="26" t="s">
        <v>36</v>
      </c>
    </row>
    <row r="3" spans="1:15" x14ac:dyDescent="0.45">
      <c r="A3" s="6"/>
      <c r="B3" s="6"/>
      <c r="C3" s="18"/>
      <c r="D3" s="29" t="s">
        <v>24</v>
      </c>
      <c r="E3" s="30" t="s">
        <v>25</v>
      </c>
      <c r="F3" s="31" t="s">
        <v>37</v>
      </c>
      <c r="G3" s="29" t="s">
        <v>38</v>
      </c>
      <c r="H3" s="32" t="s">
        <v>39</v>
      </c>
      <c r="I3" s="29" t="s">
        <v>40</v>
      </c>
      <c r="J3" s="32" t="s">
        <v>41</v>
      </c>
      <c r="K3" s="29" t="s">
        <v>42</v>
      </c>
      <c r="L3" s="32" t="s">
        <v>43</v>
      </c>
      <c r="M3" s="30" t="s">
        <v>44</v>
      </c>
      <c r="N3" s="32" t="s">
        <v>45</v>
      </c>
      <c r="O3" s="29" t="s">
        <v>46</v>
      </c>
    </row>
    <row r="4" spans="1:15" x14ac:dyDescent="0.45">
      <c r="A4" s="34" t="s">
        <v>1</v>
      </c>
      <c r="B4" s="35"/>
      <c r="C4" s="13"/>
      <c r="D4" s="3"/>
      <c r="E4" s="3"/>
      <c r="F4" s="9"/>
      <c r="G4" s="3"/>
      <c r="H4" s="9"/>
      <c r="I4" s="3"/>
      <c r="J4" s="9"/>
      <c r="K4" s="3"/>
      <c r="L4" s="9"/>
      <c r="M4" s="3"/>
      <c r="N4" s="9"/>
      <c r="O4" s="3"/>
    </row>
    <row r="5" spans="1:15" x14ac:dyDescent="0.45">
      <c r="A5" s="11"/>
      <c r="B5" s="5" t="s">
        <v>2</v>
      </c>
      <c r="C5" s="9"/>
      <c r="D5" s="3"/>
      <c r="E5" s="5"/>
      <c r="F5" s="9"/>
      <c r="G5" s="5"/>
      <c r="H5" s="15"/>
      <c r="I5" s="3"/>
      <c r="J5" s="15"/>
      <c r="K5" s="3"/>
      <c r="L5" s="9"/>
      <c r="M5" s="5"/>
      <c r="N5" s="15"/>
      <c r="O5" s="5"/>
    </row>
    <row r="6" spans="1:15" x14ac:dyDescent="0.45">
      <c r="A6" s="11"/>
      <c r="B6" s="11" t="s">
        <v>3</v>
      </c>
      <c r="C6" s="16"/>
      <c r="D6" s="4"/>
      <c r="E6" s="7"/>
      <c r="F6" s="14"/>
      <c r="G6" s="7"/>
      <c r="H6" s="8"/>
      <c r="I6" s="4"/>
      <c r="J6" s="8"/>
      <c r="K6" s="4"/>
      <c r="L6" s="14"/>
      <c r="M6" s="7"/>
      <c r="N6" s="8"/>
      <c r="O6" s="7"/>
    </row>
    <row r="7" spans="1:15" x14ac:dyDescent="0.45">
      <c r="A7" s="11"/>
      <c r="B7" s="10" t="s">
        <v>4</v>
      </c>
      <c r="C7" s="13"/>
      <c r="D7" s="3"/>
      <c r="E7" s="3"/>
      <c r="F7" s="9"/>
      <c r="G7" s="3"/>
      <c r="H7" s="9"/>
      <c r="I7" s="3"/>
      <c r="J7" s="9"/>
      <c r="K7" s="3"/>
      <c r="L7" s="9"/>
      <c r="M7" s="3"/>
      <c r="N7" s="9"/>
      <c r="O7" s="3"/>
    </row>
    <row r="8" spans="1:15" x14ac:dyDescent="0.45">
      <c r="A8" s="12"/>
      <c r="B8" s="19" t="s">
        <v>5</v>
      </c>
      <c r="C8" s="19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</row>
    <row r="9" spans="1:15" x14ac:dyDescent="0.45">
      <c r="A9" s="34" t="s">
        <v>6</v>
      </c>
      <c r="B9" s="35"/>
      <c r="C9" s="13"/>
      <c r="D9" s="3"/>
      <c r="E9" s="3"/>
      <c r="F9" s="9"/>
      <c r="G9" s="3"/>
      <c r="H9" s="9"/>
      <c r="I9" s="3"/>
      <c r="J9" s="9"/>
      <c r="K9" s="3"/>
      <c r="L9" s="9"/>
      <c r="M9" s="3"/>
      <c r="N9" s="9"/>
      <c r="O9" s="3"/>
    </row>
    <row r="10" spans="1:15" x14ac:dyDescent="0.45">
      <c r="A10" s="11"/>
      <c r="B10" s="5" t="s">
        <v>2</v>
      </c>
      <c r="C10" s="9"/>
      <c r="D10" s="3"/>
      <c r="E10" s="5"/>
      <c r="F10" s="9"/>
      <c r="G10" s="5"/>
      <c r="H10" s="15"/>
      <c r="I10" s="3"/>
      <c r="J10" s="15"/>
      <c r="K10" s="3"/>
      <c r="L10" s="9"/>
      <c r="M10" s="5"/>
      <c r="N10" s="15"/>
      <c r="O10" s="5"/>
    </row>
    <row r="11" spans="1:15" x14ac:dyDescent="0.45">
      <c r="A11" s="11"/>
      <c r="B11" s="11" t="s">
        <v>3</v>
      </c>
      <c r="C11" s="16"/>
      <c r="D11" s="4"/>
      <c r="E11" s="7"/>
      <c r="F11" s="14"/>
      <c r="G11" s="7"/>
      <c r="H11" s="8"/>
      <c r="I11" s="4"/>
      <c r="J11" s="8"/>
      <c r="K11" s="4"/>
      <c r="L11" s="14"/>
      <c r="M11" s="7"/>
      <c r="N11" s="8"/>
      <c r="O11" s="7"/>
    </row>
    <row r="12" spans="1:15" x14ac:dyDescent="0.45">
      <c r="A12" s="11"/>
      <c r="B12" s="10" t="s">
        <v>4</v>
      </c>
      <c r="C12" s="13"/>
      <c r="D12" s="3"/>
      <c r="E12" s="3"/>
      <c r="F12" s="9"/>
      <c r="G12" s="3"/>
      <c r="H12" s="9"/>
      <c r="I12" s="3"/>
      <c r="J12" s="9"/>
      <c r="K12" s="3"/>
      <c r="L12" s="9"/>
      <c r="M12" s="3"/>
      <c r="N12" s="9"/>
      <c r="O12" s="3"/>
    </row>
    <row r="13" spans="1:15" x14ac:dyDescent="0.45">
      <c r="A13" s="12"/>
      <c r="B13" s="19" t="s">
        <v>7</v>
      </c>
      <c r="C13" s="19"/>
      <c r="D13" s="20"/>
      <c r="E13" s="20"/>
      <c r="F13" s="21"/>
      <c r="G13" s="20"/>
      <c r="H13" s="21"/>
      <c r="I13" s="20"/>
      <c r="J13" s="21"/>
      <c r="K13" s="20"/>
      <c r="L13" s="21"/>
      <c r="M13" s="20"/>
      <c r="N13" s="21"/>
      <c r="O13" s="20"/>
    </row>
    <row r="14" spans="1:15" x14ac:dyDescent="0.45">
      <c r="A14" s="34" t="s">
        <v>8</v>
      </c>
      <c r="B14" s="35"/>
      <c r="C14" s="13"/>
      <c r="D14" s="3"/>
      <c r="E14" s="3"/>
      <c r="F14" s="9"/>
      <c r="G14" s="3"/>
      <c r="H14" s="9"/>
      <c r="I14" s="3"/>
      <c r="J14" s="9"/>
      <c r="K14" s="3"/>
      <c r="L14" s="9"/>
      <c r="M14" s="3"/>
      <c r="N14" s="9"/>
      <c r="O14" s="3"/>
    </row>
    <row r="15" spans="1:15" x14ac:dyDescent="0.45">
      <c r="A15" s="11"/>
      <c r="B15" s="5" t="s">
        <v>2</v>
      </c>
      <c r="C15" s="9"/>
      <c r="D15" s="3"/>
      <c r="E15" s="5"/>
      <c r="F15" s="9"/>
      <c r="G15" s="5"/>
      <c r="H15" s="15"/>
      <c r="I15" s="3"/>
      <c r="J15" s="15"/>
      <c r="K15" s="3"/>
      <c r="L15" s="9"/>
      <c r="M15" s="5"/>
      <c r="N15" s="15"/>
      <c r="O15" s="5"/>
    </row>
    <row r="16" spans="1:15" x14ac:dyDescent="0.45">
      <c r="A16" s="11"/>
      <c r="B16" s="11" t="s">
        <v>3</v>
      </c>
      <c r="C16" s="16"/>
      <c r="D16" s="4"/>
      <c r="E16" s="7"/>
      <c r="F16" s="14"/>
      <c r="G16" s="7"/>
      <c r="H16" s="8"/>
      <c r="I16" s="4"/>
      <c r="J16" s="8"/>
      <c r="K16" s="4"/>
      <c r="L16" s="14"/>
      <c r="M16" s="7"/>
      <c r="N16" s="8"/>
      <c r="O16" s="7"/>
    </row>
    <row r="17" spans="1:15" x14ac:dyDescent="0.45">
      <c r="A17" s="11"/>
      <c r="B17" s="10" t="s">
        <v>4</v>
      </c>
      <c r="C17" s="13"/>
      <c r="D17" s="3"/>
      <c r="E17" s="3"/>
      <c r="F17" s="9"/>
      <c r="G17" s="3"/>
      <c r="H17" s="9"/>
      <c r="I17" s="3"/>
      <c r="J17" s="9"/>
      <c r="K17" s="3"/>
      <c r="L17" s="9"/>
      <c r="M17" s="3"/>
      <c r="N17" s="9"/>
      <c r="O17" s="3"/>
    </row>
    <row r="18" spans="1:15" x14ac:dyDescent="0.45">
      <c r="A18" s="12"/>
      <c r="B18" s="19" t="s">
        <v>9</v>
      </c>
      <c r="C18" s="19"/>
      <c r="D18" s="20"/>
      <c r="E18" s="20"/>
      <c r="F18" s="21"/>
      <c r="G18" s="20"/>
      <c r="H18" s="21"/>
      <c r="I18" s="20"/>
      <c r="J18" s="21"/>
      <c r="K18" s="20"/>
      <c r="L18" s="21"/>
      <c r="M18" s="20"/>
      <c r="N18" s="21"/>
      <c r="O18" s="20"/>
    </row>
    <row r="19" spans="1:15" x14ac:dyDescent="0.45">
      <c r="A19" s="34" t="s">
        <v>10</v>
      </c>
      <c r="B19" s="35"/>
      <c r="C19" s="13"/>
      <c r="D19" s="3"/>
      <c r="E19" s="3"/>
      <c r="F19" s="9"/>
      <c r="G19" s="3"/>
      <c r="H19" s="9"/>
      <c r="I19" s="3"/>
      <c r="J19" s="9"/>
      <c r="K19" s="3"/>
      <c r="L19" s="9"/>
      <c r="M19" s="3"/>
      <c r="N19" s="9"/>
      <c r="O19" s="3"/>
    </row>
    <row r="20" spans="1:15" x14ac:dyDescent="0.45">
      <c r="A20" s="11"/>
      <c r="B20" s="5" t="s">
        <v>2</v>
      </c>
      <c r="C20" s="9"/>
      <c r="D20" s="3"/>
      <c r="E20" s="5"/>
      <c r="F20" s="9"/>
      <c r="G20" s="5"/>
      <c r="H20" s="15"/>
      <c r="I20" s="3"/>
      <c r="J20" s="15"/>
      <c r="K20" s="3"/>
      <c r="L20" s="9"/>
      <c r="M20" s="5"/>
      <c r="N20" s="15"/>
      <c r="O20" s="5"/>
    </row>
    <row r="21" spans="1:15" x14ac:dyDescent="0.45">
      <c r="A21" s="11"/>
      <c r="B21" s="11" t="s">
        <v>3</v>
      </c>
      <c r="C21" s="16"/>
      <c r="D21" s="4"/>
      <c r="E21" s="7"/>
      <c r="F21" s="14"/>
      <c r="G21" s="7"/>
      <c r="H21" s="8"/>
      <c r="I21" s="4"/>
      <c r="J21" s="8"/>
      <c r="K21" s="4"/>
      <c r="L21" s="14"/>
      <c r="M21" s="7"/>
      <c r="N21" s="8"/>
      <c r="O21" s="7"/>
    </row>
    <row r="22" spans="1:15" x14ac:dyDescent="0.45">
      <c r="A22" s="11"/>
      <c r="B22" s="10" t="s">
        <v>4</v>
      </c>
      <c r="C22" s="13"/>
      <c r="D22" s="3"/>
      <c r="E22" s="3"/>
      <c r="F22" s="9"/>
      <c r="G22" s="3"/>
      <c r="H22" s="9"/>
      <c r="I22" s="3"/>
      <c r="J22" s="9"/>
      <c r="K22" s="3"/>
      <c r="L22" s="9"/>
      <c r="M22" s="3"/>
      <c r="N22" s="9"/>
      <c r="O22" s="3"/>
    </row>
    <row r="23" spans="1:15" x14ac:dyDescent="0.45">
      <c r="A23" s="12"/>
      <c r="B23" s="19" t="s">
        <v>11</v>
      </c>
      <c r="C23" s="19"/>
      <c r="D23" s="20"/>
      <c r="E23" s="20"/>
      <c r="F23" s="21"/>
      <c r="G23" s="20"/>
      <c r="H23" s="21"/>
      <c r="I23" s="20"/>
      <c r="J23" s="21"/>
      <c r="K23" s="20"/>
      <c r="L23" s="21"/>
      <c r="M23" s="20"/>
      <c r="N23" s="21"/>
      <c r="O23" s="20"/>
    </row>
    <row r="24" spans="1:15" x14ac:dyDescent="0.45">
      <c r="A24" s="34" t="s">
        <v>12</v>
      </c>
      <c r="B24" s="35"/>
      <c r="C24" s="13"/>
      <c r="D24" s="3"/>
      <c r="E24" s="3"/>
      <c r="F24" s="9"/>
      <c r="G24" s="3"/>
      <c r="H24" s="9"/>
      <c r="I24" s="3"/>
      <c r="J24" s="9"/>
      <c r="K24" s="3"/>
      <c r="L24" s="9"/>
      <c r="M24" s="3"/>
      <c r="N24" s="9"/>
      <c r="O24" s="3"/>
    </row>
    <row r="25" spans="1:15" x14ac:dyDescent="0.45">
      <c r="A25" s="11"/>
      <c r="B25" s="5" t="s">
        <v>2</v>
      </c>
      <c r="C25" s="9"/>
      <c r="D25" s="3"/>
      <c r="E25" s="5"/>
      <c r="F25" s="9"/>
      <c r="G25" s="5"/>
      <c r="H25" s="15"/>
      <c r="I25" s="3"/>
      <c r="J25" s="15"/>
      <c r="K25" s="3"/>
      <c r="L25" s="9"/>
      <c r="M25" s="5"/>
      <c r="N25" s="15"/>
      <c r="O25" s="5"/>
    </row>
    <row r="26" spans="1:15" x14ac:dyDescent="0.45">
      <c r="A26" s="11"/>
      <c r="B26" s="11" t="s">
        <v>3</v>
      </c>
      <c r="C26" s="16"/>
      <c r="D26" s="4"/>
      <c r="E26" s="7"/>
      <c r="F26" s="14"/>
      <c r="G26" s="7"/>
      <c r="H26" s="8"/>
      <c r="I26" s="4"/>
      <c r="J26" s="8"/>
      <c r="K26" s="4"/>
      <c r="L26" s="14"/>
      <c r="M26" s="7"/>
      <c r="N26" s="8"/>
      <c r="O26" s="7"/>
    </row>
    <row r="27" spans="1:15" x14ac:dyDescent="0.45">
      <c r="A27" s="11"/>
      <c r="B27" s="10" t="s">
        <v>4</v>
      </c>
      <c r="C27" s="13"/>
      <c r="D27" s="3"/>
      <c r="E27" s="3"/>
      <c r="F27" s="9"/>
      <c r="G27" s="3"/>
      <c r="H27" s="9"/>
      <c r="I27" s="3"/>
      <c r="J27" s="9"/>
      <c r="K27" s="3"/>
      <c r="L27" s="9"/>
      <c r="M27" s="3"/>
      <c r="N27" s="9"/>
      <c r="O27" s="3"/>
    </row>
    <row r="28" spans="1:15" x14ac:dyDescent="0.45">
      <c r="A28" s="12"/>
      <c r="B28" s="19" t="s">
        <v>13</v>
      </c>
      <c r="C28" s="19"/>
      <c r="D28" s="20"/>
      <c r="E28" s="20"/>
      <c r="F28" s="21"/>
      <c r="G28" s="20"/>
      <c r="H28" s="21"/>
      <c r="I28" s="20"/>
      <c r="J28" s="21"/>
      <c r="K28" s="20"/>
      <c r="L28" s="21"/>
      <c r="M28" s="20"/>
      <c r="N28" s="21"/>
      <c r="O28" s="20"/>
    </row>
    <row r="29" spans="1:15" x14ac:dyDescent="0.45">
      <c r="A29" s="34" t="s">
        <v>14</v>
      </c>
      <c r="B29" s="35"/>
      <c r="C29" s="13"/>
      <c r="D29" s="3"/>
      <c r="E29" s="3"/>
      <c r="F29" s="9"/>
      <c r="G29" s="3"/>
      <c r="H29" s="9"/>
      <c r="I29" s="3"/>
      <c r="J29" s="9"/>
      <c r="K29" s="3"/>
      <c r="L29" s="9"/>
      <c r="M29" s="3"/>
      <c r="N29" s="9"/>
      <c r="O29" s="3"/>
    </row>
    <row r="30" spans="1:15" x14ac:dyDescent="0.45">
      <c r="A30" s="11"/>
      <c r="B30" s="5" t="s">
        <v>2</v>
      </c>
      <c r="C30" s="9"/>
      <c r="D30" s="3"/>
      <c r="E30" s="5"/>
      <c r="F30" s="9"/>
      <c r="G30" s="5"/>
      <c r="H30" s="15"/>
      <c r="I30" s="3"/>
      <c r="J30" s="15"/>
      <c r="K30" s="3"/>
      <c r="L30" s="9"/>
      <c r="M30" s="5"/>
      <c r="N30" s="15"/>
      <c r="O30" s="5"/>
    </row>
    <row r="31" spans="1:15" x14ac:dyDescent="0.45">
      <c r="A31" s="11"/>
      <c r="B31" s="11" t="s">
        <v>3</v>
      </c>
      <c r="C31" s="16"/>
      <c r="D31" s="4"/>
      <c r="E31" s="7"/>
      <c r="F31" s="14"/>
      <c r="G31" s="7"/>
      <c r="H31" s="8"/>
      <c r="I31" s="4"/>
      <c r="J31" s="8"/>
      <c r="K31" s="4"/>
      <c r="L31" s="14"/>
      <c r="M31" s="7"/>
      <c r="N31" s="8"/>
      <c r="O31" s="7"/>
    </row>
    <row r="32" spans="1:15" x14ac:dyDescent="0.45">
      <c r="A32" s="11"/>
      <c r="B32" s="10" t="s">
        <v>4</v>
      </c>
      <c r="C32" s="13"/>
      <c r="D32" s="3"/>
      <c r="E32" s="3"/>
      <c r="F32" s="9"/>
      <c r="G32" s="3"/>
      <c r="H32" s="9"/>
      <c r="I32" s="3"/>
      <c r="J32" s="9"/>
      <c r="K32" s="3"/>
      <c r="L32" s="9"/>
      <c r="M32" s="3"/>
      <c r="N32" s="9"/>
      <c r="O32" s="3"/>
    </row>
    <row r="33" spans="1:15" x14ac:dyDescent="0.45">
      <c r="A33" s="12"/>
      <c r="B33" s="19" t="s">
        <v>15</v>
      </c>
      <c r="C33" s="19"/>
      <c r="D33" s="20"/>
      <c r="E33" s="20"/>
      <c r="F33" s="21"/>
      <c r="G33" s="20"/>
      <c r="H33" s="21"/>
      <c r="I33" s="20"/>
      <c r="J33" s="21"/>
      <c r="K33" s="20"/>
      <c r="L33" s="21"/>
      <c r="M33" s="20"/>
      <c r="N33" s="21"/>
      <c r="O33" s="20"/>
    </row>
    <row r="34" spans="1:15" x14ac:dyDescent="0.45">
      <c r="A34" s="34" t="s">
        <v>16</v>
      </c>
      <c r="B34" s="35"/>
      <c r="C34" s="13"/>
      <c r="D34" s="3"/>
      <c r="E34" s="3"/>
      <c r="F34" s="9"/>
      <c r="G34" s="3"/>
      <c r="H34" s="9"/>
      <c r="I34" s="3"/>
      <c r="J34" s="9"/>
      <c r="K34" s="3"/>
      <c r="L34" s="9"/>
      <c r="M34" s="3"/>
      <c r="N34" s="9"/>
      <c r="O34" s="3"/>
    </row>
    <row r="35" spans="1:15" x14ac:dyDescent="0.45">
      <c r="A35" s="11"/>
      <c r="B35" s="5" t="s">
        <v>2</v>
      </c>
      <c r="C35" s="9"/>
      <c r="D35" s="3"/>
      <c r="E35" s="5"/>
      <c r="F35" s="9"/>
      <c r="G35" s="5"/>
      <c r="H35" s="15"/>
      <c r="I35" s="3"/>
      <c r="J35" s="15"/>
      <c r="K35" s="3"/>
      <c r="L35" s="9"/>
      <c r="M35" s="5"/>
      <c r="N35" s="15"/>
      <c r="O35" s="5"/>
    </row>
    <row r="36" spans="1:15" x14ac:dyDescent="0.45">
      <c r="A36" s="11"/>
      <c r="B36" s="11" t="s">
        <v>3</v>
      </c>
      <c r="C36" s="16"/>
      <c r="D36" s="4"/>
      <c r="E36" s="7"/>
      <c r="F36" s="14"/>
      <c r="G36" s="7"/>
      <c r="H36" s="8"/>
      <c r="I36" s="4"/>
      <c r="J36" s="8"/>
      <c r="K36" s="4"/>
      <c r="L36" s="14"/>
      <c r="M36" s="7"/>
      <c r="N36" s="8"/>
      <c r="O36" s="7"/>
    </row>
    <row r="37" spans="1:15" x14ac:dyDescent="0.45">
      <c r="A37" s="11"/>
      <c r="B37" s="10" t="s">
        <v>4</v>
      </c>
      <c r="C37" s="13"/>
      <c r="D37" s="3"/>
      <c r="E37" s="3"/>
      <c r="F37" s="9"/>
      <c r="G37" s="3"/>
      <c r="H37" s="9"/>
      <c r="I37" s="3"/>
      <c r="J37" s="9"/>
      <c r="K37" s="3"/>
      <c r="L37" s="9"/>
      <c r="M37" s="3"/>
      <c r="N37" s="9"/>
      <c r="O37" s="3"/>
    </row>
    <row r="38" spans="1:15" x14ac:dyDescent="0.45">
      <c r="A38" s="12"/>
      <c r="B38" s="19" t="s">
        <v>17</v>
      </c>
      <c r="C38" s="19"/>
      <c r="D38" s="20"/>
      <c r="E38" s="20"/>
      <c r="F38" s="21"/>
      <c r="G38" s="20"/>
      <c r="H38" s="21"/>
      <c r="I38" s="20"/>
      <c r="J38" s="21"/>
      <c r="K38" s="20"/>
      <c r="L38" s="21"/>
      <c r="M38" s="20"/>
      <c r="N38" s="21"/>
      <c r="O38" s="20"/>
    </row>
    <row r="39" spans="1:15" x14ac:dyDescent="0.45">
      <c r="A39" s="23" t="s">
        <v>18</v>
      </c>
      <c r="B39" s="24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</row>
    <row r="40" spans="1:15" x14ac:dyDescent="0.45">
      <c r="A40" s="23" t="s">
        <v>19</v>
      </c>
      <c r="B40" s="24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</row>
    <row r="41" spans="1:15" x14ac:dyDescent="0.45">
      <c r="A41" s="23" t="s">
        <v>20</v>
      </c>
      <c r="B41" s="24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</row>
    <row r="42" spans="1:15" x14ac:dyDescent="0.45">
      <c r="A42" t="s">
        <v>47</v>
      </c>
    </row>
    <row r="43" spans="1:15" x14ac:dyDescent="0.45">
      <c r="A43" t="s">
        <v>48</v>
      </c>
    </row>
    <row r="44" spans="1:15" x14ac:dyDescent="0.45">
      <c r="A44" t="s">
        <v>49</v>
      </c>
    </row>
    <row r="45" spans="1:15" x14ac:dyDescent="0.45">
      <c r="A45" t="s">
        <v>50</v>
      </c>
    </row>
    <row r="46" spans="1:15" x14ac:dyDescent="0.45">
      <c r="A46" t="s">
        <v>51</v>
      </c>
    </row>
  </sheetData>
  <mergeCells count="13">
    <mergeCell ref="A1:N1"/>
    <mergeCell ref="A24:B24"/>
    <mergeCell ref="A29:B29"/>
    <mergeCell ref="A34:B34"/>
    <mergeCell ref="A39:B39"/>
    <mergeCell ref="A40:B40"/>
    <mergeCell ref="A41:B41"/>
    <mergeCell ref="A2:B3"/>
    <mergeCell ref="C2:C3"/>
    <mergeCell ref="A4:B4"/>
    <mergeCell ref="A9:B9"/>
    <mergeCell ref="A14:B14"/>
    <mergeCell ref="A19:B19"/>
  </mergeCells>
  <phoneticPr fontId="1"/>
  <pageMargins left="0.7" right="0.7" top="0.75" bottom="0.75" header="0.3" footer="0.3"/>
  <pageSetup paperSize="8" scale="85" orientation="landscape" r:id="rId1"/>
  <colBreaks count="1" manualBreakCount="1">
    <brk id="15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業務別費用内訳書</vt:lpstr>
      <vt:lpstr>業務別費用内訳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近藤大輔</dc:creator>
  <cp:lastModifiedBy>近藤大輔</cp:lastModifiedBy>
  <cp:lastPrinted>2026-06-22T05:12:38Z</cp:lastPrinted>
  <dcterms:created xsi:type="dcterms:W3CDTF">2026-06-22T04:47:42Z</dcterms:created>
  <dcterms:modified xsi:type="dcterms:W3CDTF">2026-06-22T05:22:32Z</dcterms:modified>
</cp:coreProperties>
</file>